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4\02_健康づくりG\55_保健医療データ活用事業\5560_基盤整備\NTTとの打合せ等\市町村事業評価支援用資料送付\掲載用\"/>
    </mc:Choice>
  </mc:AlternateContent>
  <bookViews>
    <workbookView xWindow="0" yWindow="0" windowWidth="19200" windowHeight="6490"/>
  </bookViews>
  <sheets>
    <sheet name="収納率の推移（現年分・滞納繰越分合計）" sheetId="1" r:id="rId1"/>
  </sheets>
  <externalReferences>
    <externalReference r:id="rId2"/>
  </externalReference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'収納率の推移（現年分・滞納繰越分合計）'!$A$1:$L$5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4" uniqueCount="60">
  <si>
    <t>２.　保険料・税（２）　収納率の状況</t>
    <rPh sb="12" eb="14">
      <t>シュウノウ</t>
    </rPh>
    <rPh sb="14" eb="15">
      <t>リツ</t>
    </rPh>
    <rPh sb="16" eb="18">
      <t>ジョウキョウ</t>
    </rPh>
    <phoneticPr fontId="4"/>
  </si>
  <si>
    <t>・収納率の推移（現年・滞納繰越分合計）</t>
    <rPh sb="1" eb="3">
      <t>シュウノウ</t>
    </rPh>
    <rPh sb="3" eb="4">
      <t>リツ</t>
    </rPh>
    <rPh sb="5" eb="7">
      <t>スイイ</t>
    </rPh>
    <rPh sb="8" eb="9">
      <t>ゲン</t>
    </rPh>
    <rPh sb="9" eb="10">
      <t>ネン</t>
    </rPh>
    <rPh sb="11" eb="13">
      <t>タイノウ</t>
    </rPh>
    <rPh sb="13" eb="15">
      <t>クリコシ</t>
    </rPh>
    <rPh sb="15" eb="16">
      <t>ブン</t>
    </rPh>
    <rPh sb="16" eb="18">
      <t>ゴウケイ</t>
    </rPh>
    <phoneticPr fontId="4"/>
  </si>
  <si>
    <t>保険者名</t>
  </si>
  <si>
    <t>28年度</t>
  </si>
  <si>
    <t>29年度</t>
  </si>
  <si>
    <t>30年度</t>
  </si>
  <si>
    <t>元年度</t>
    <rPh sb="0" eb="1">
      <t>ガン</t>
    </rPh>
    <phoneticPr fontId="4"/>
  </si>
  <si>
    <t>２年度</t>
    <phoneticPr fontId="4"/>
  </si>
  <si>
    <t>収納率</t>
  </si>
  <si>
    <t>順</t>
  </si>
  <si>
    <t>（％）</t>
  </si>
  <si>
    <t>位</t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葉山町</t>
  </si>
  <si>
    <t xml:space="preserve"> 寒川町</t>
  </si>
  <si>
    <t xml:space="preserve"> 綾瀬市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城山町</t>
  </si>
  <si>
    <t>－</t>
  </si>
  <si>
    <t>－</t>
    <phoneticPr fontId="4"/>
  </si>
  <si>
    <t xml:space="preserve"> 津久井町</t>
  </si>
  <si>
    <t xml:space="preserve"> 相模湖町</t>
  </si>
  <si>
    <t xml:space="preserve"> 藤野町</t>
  </si>
  <si>
    <t xml:space="preserve"> 医師</t>
  </si>
  <si>
    <t xml:space="preserve"> 歯科医師</t>
  </si>
  <si>
    <t xml:space="preserve"> 食品衛生</t>
  </si>
  <si>
    <t xml:space="preserve"> 薬剤師</t>
  </si>
  <si>
    <t xml:space="preserve"> 建設業</t>
  </si>
  <si>
    <t xml:space="preserve"> 建設連合</t>
  </si>
  <si>
    <t>市町村平均</t>
  </si>
  <si>
    <t>組 合 平 均</t>
    <phoneticPr fontId="4"/>
  </si>
  <si>
    <t>県   平   均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0_);[Red]\(0\)"/>
    <numFmt numFmtId="177" formatCode="0.00_);[Red]\(0.00\)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9"/>
      <name val="ＭＳ Ｐゴシック"/>
      <family val="3"/>
      <charset val="128"/>
    </font>
    <font>
      <sz val="8"/>
      <color indexed="12"/>
      <name val="ＭＳ Ｐゴシック"/>
      <family val="3"/>
      <charset val="128"/>
    </font>
    <font>
      <sz val="9"/>
      <color indexed="8"/>
      <name val="ＭＳ Ｐゴシック"/>
      <family val="3"/>
      <charset val="128"/>
    </font>
    <font>
      <sz val="9"/>
      <name val="ＭＳ ゴシック"/>
      <family val="3"/>
      <charset val="128"/>
    </font>
    <font>
      <sz val="10"/>
      <name val="ＭＳ Ｐゴシック"/>
      <family val="3"/>
      <charset val="128"/>
    </font>
    <font>
      <sz val="9"/>
      <color indexed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</borders>
  <cellStyleXfs count="4">
    <xf numFmtId="0" fontId="0" fillId="0" borderId="0"/>
    <xf numFmtId="38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1" fillId="0" borderId="0"/>
  </cellStyleXfs>
  <cellXfs count="72">
    <xf numFmtId="0" fontId="0" fillId="0" borderId="0" xfId="0"/>
    <xf numFmtId="38" fontId="2" fillId="0" borderId="0" xfId="1" applyFont="1" applyFill="1"/>
    <xf numFmtId="0" fontId="5" fillId="0" borderId="0" xfId="0" applyNumberFormat="1" applyFont="1" applyFill="1"/>
    <xf numFmtId="38" fontId="6" fillId="0" borderId="0" xfId="1" applyFont="1" applyFill="1"/>
    <xf numFmtId="0" fontId="2" fillId="0" borderId="0" xfId="0" applyNumberFormat="1" applyFont="1" applyFill="1"/>
    <xf numFmtId="0" fontId="5" fillId="0" borderId="1" xfId="0" applyFont="1" applyFill="1" applyBorder="1" applyAlignment="1">
      <alignment horizontal="distributed" vertical="center" justifyLastLine="1"/>
    </xf>
    <xf numFmtId="0" fontId="0" fillId="0" borderId="2" xfId="0" applyFill="1" applyBorder="1" applyAlignment="1">
      <alignment horizontal="distributed" vertical="center" justifyLastLine="1"/>
    </xf>
    <xf numFmtId="0" fontId="5" fillId="0" borderId="2" xfId="0" quotePrefix="1" applyFont="1" applyFill="1" applyBorder="1" applyAlignment="1">
      <alignment horizontal="distributed" vertical="center" justifyLastLine="1"/>
    </xf>
    <xf numFmtId="0" fontId="5" fillId="0" borderId="2" xfId="0" applyFont="1" applyFill="1" applyBorder="1" applyAlignment="1">
      <alignment horizontal="distributed" vertical="center" justifyLastLine="1"/>
    </xf>
    <xf numFmtId="0" fontId="5" fillId="0" borderId="2" xfId="0" quotePrefix="1" applyNumberFormat="1" applyFont="1" applyFill="1" applyBorder="1" applyAlignment="1">
      <alignment horizontal="distributed" vertical="center" justifyLastLine="1"/>
    </xf>
    <xf numFmtId="0" fontId="0" fillId="0" borderId="3" xfId="0" applyFill="1" applyBorder="1" applyAlignment="1">
      <alignment horizontal="distributed" vertical="center" justifyLastLine="1"/>
    </xf>
    <xf numFmtId="0" fontId="0" fillId="0" borderId="4" xfId="0" applyFill="1" applyBorder="1" applyAlignment="1">
      <alignment horizontal="distributed" vertical="center" justifyLastLine="1"/>
    </xf>
    <xf numFmtId="0" fontId="5" fillId="0" borderId="0" xfId="0" applyNumberFormat="1" applyFont="1" applyFill="1" applyAlignment="1">
      <alignment horizontal="right"/>
    </xf>
    <xf numFmtId="0" fontId="0" fillId="0" borderId="5" xfId="0" applyFill="1" applyBorder="1" applyAlignment="1">
      <alignment horizontal="distributed" vertical="center" justifyLastLine="1"/>
    </xf>
    <xf numFmtId="0" fontId="0" fillId="0" borderId="6" xfId="0" applyFill="1" applyBorder="1" applyAlignment="1">
      <alignment horizontal="distributed" vertical="center" justifyLastLine="1"/>
    </xf>
    <xf numFmtId="0" fontId="5" fillId="0" borderId="7" xfId="0" applyNumberFormat="1" applyFont="1" applyFill="1" applyBorder="1" applyAlignment="1">
      <alignment horizontal="center"/>
    </xf>
    <xf numFmtId="38" fontId="7" fillId="0" borderId="7" xfId="1" applyFont="1" applyFill="1" applyBorder="1" applyAlignment="1">
      <alignment horizontal="center"/>
    </xf>
    <xf numFmtId="38" fontId="7" fillId="0" borderId="8" xfId="1" applyFont="1" applyFill="1" applyBorder="1" applyAlignment="1">
      <alignment horizontal="center"/>
    </xf>
    <xf numFmtId="0" fontId="5" fillId="0" borderId="9" xfId="0" applyNumberFormat="1" applyFont="1" applyFill="1" applyBorder="1" applyAlignment="1">
      <alignment horizontal="center"/>
    </xf>
    <xf numFmtId="38" fontId="7" fillId="0" borderId="9" xfId="1" applyFont="1" applyFill="1" applyBorder="1" applyAlignment="1">
      <alignment horizontal="center"/>
    </xf>
    <xf numFmtId="38" fontId="7" fillId="0" borderId="10" xfId="1" applyFont="1" applyFill="1" applyBorder="1" applyAlignment="1">
      <alignment horizontal="center"/>
    </xf>
    <xf numFmtId="0" fontId="5" fillId="0" borderId="0" xfId="0" applyNumberFormat="1" applyFont="1" applyFill="1" applyBorder="1"/>
    <xf numFmtId="0" fontId="5" fillId="0" borderId="11" xfId="0" applyNumberFormat="1" applyFont="1" applyFill="1" applyBorder="1"/>
    <xf numFmtId="0" fontId="8" fillId="0" borderId="6" xfId="0" applyNumberFormat="1" applyFont="1" applyFill="1" applyBorder="1"/>
    <xf numFmtId="2" fontId="9" fillId="0" borderId="6" xfId="3" applyNumberFormat="1" applyFont="1" applyFill="1" applyBorder="1"/>
    <xf numFmtId="176" fontId="9" fillId="0" borderId="6" xfId="3" applyNumberFormat="1" applyFont="1" applyFill="1" applyBorder="1" applyAlignment="1">
      <alignment horizontal="right"/>
    </xf>
    <xf numFmtId="177" fontId="9" fillId="0" borderId="6" xfId="3" applyNumberFormat="1" applyFont="1" applyFill="1" applyBorder="1" applyAlignment="1">
      <alignment horizontal="right"/>
    </xf>
    <xf numFmtId="2" fontId="9" fillId="0" borderId="6" xfId="2" applyNumberFormat="1" applyFont="1" applyFill="1" applyBorder="1"/>
    <xf numFmtId="0" fontId="9" fillId="0" borderId="12" xfId="0" applyNumberFormat="1" applyFont="1" applyFill="1" applyBorder="1"/>
    <xf numFmtId="38" fontId="5" fillId="0" borderId="0" xfId="0" applyNumberFormat="1" applyFont="1" applyFill="1"/>
    <xf numFmtId="0" fontId="10" fillId="0" borderId="0" xfId="0" applyNumberFormat="1" applyFont="1" applyFill="1"/>
    <xf numFmtId="0" fontId="5" fillId="0" borderId="13" xfId="0" applyNumberFormat="1" applyFont="1" applyFill="1" applyBorder="1"/>
    <xf numFmtId="0" fontId="5" fillId="0" borderId="14" xfId="0" applyNumberFormat="1" applyFont="1" applyFill="1" applyBorder="1"/>
    <xf numFmtId="0" fontId="8" fillId="0" borderId="15" xfId="0" applyNumberFormat="1" applyFont="1" applyFill="1" applyBorder="1"/>
    <xf numFmtId="2" fontId="9" fillId="0" borderId="15" xfId="3" applyNumberFormat="1" applyFont="1" applyFill="1" applyBorder="1"/>
    <xf numFmtId="176" fontId="9" fillId="0" borderId="15" xfId="3" applyNumberFormat="1" applyFont="1" applyFill="1" applyBorder="1" applyAlignment="1">
      <alignment horizontal="right"/>
    </xf>
    <xf numFmtId="177" fontId="9" fillId="0" borderId="15" xfId="3" applyNumberFormat="1" applyFont="1" applyFill="1" applyBorder="1" applyAlignment="1">
      <alignment horizontal="right"/>
    </xf>
    <xf numFmtId="2" fontId="9" fillId="0" borderId="15" xfId="2" applyNumberFormat="1" applyFont="1" applyFill="1" applyBorder="1"/>
    <xf numFmtId="0" fontId="9" fillId="0" borderId="16" xfId="0" applyNumberFormat="1" applyFont="1" applyFill="1" applyBorder="1"/>
    <xf numFmtId="0" fontId="5" fillId="0" borderId="17" xfId="0" applyNumberFormat="1" applyFont="1" applyFill="1" applyBorder="1"/>
    <xf numFmtId="0" fontId="8" fillId="0" borderId="18" xfId="0" applyNumberFormat="1" applyFont="1" applyFill="1" applyBorder="1"/>
    <xf numFmtId="2" fontId="9" fillId="0" borderId="18" xfId="1" applyNumberFormat="1" applyFont="1" applyFill="1" applyBorder="1" applyAlignment="1">
      <alignment horizontal="center"/>
    </xf>
    <xf numFmtId="176" fontId="9" fillId="0" borderId="18" xfId="1" applyNumberFormat="1" applyFont="1" applyFill="1" applyBorder="1" applyAlignment="1">
      <alignment horizontal="center"/>
    </xf>
    <xf numFmtId="177" fontId="9" fillId="0" borderId="18" xfId="1" applyNumberFormat="1" applyFont="1" applyFill="1" applyBorder="1" applyAlignment="1">
      <alignment horizontal="center"/>
    </xf>
    <xf numFmtId="38" fontId="9" fillId="0" borderId="18" xfId="1" applyFont="1" applyFill="1" applyBorder="1" applyAlignment="1">
      <alignment horizontal="center"/>
    </xf>
    <xf numFmtId="40" fontId="9" fillId="0" borderId="19" xfId="1" applyNumberFormat="1" applyFont="1" applyFill="1" applyBorder="1" applyAlignment="1">
      <alignment horizontal="center"/>
    </xf>
    <xf numFmtId="0" fontId="5" fillId="0" borderId="20" xfId="0" applyNumberFormat="1" applyFont="1" applyFill="1" applyBorder="1"/>
    <xf numFmtId="0" fontId="8" fillId="0" borderId="21" xfId="0" applyNumberFormat="1" applyFont="1" applyFill="1" applyBorder="1"/>
    <xf numFmtId="2" fontId="9" fillId="0" borderId="21" xfId="3" applyNumberFormat="1" applyFont="1" applyFill="1" applyBorder="1" applyAlignment="1">
      <alignment horizontal="right"/>
    </xf>
    <xf numFmtId="176" fontId="9" fillId="0" borderId="21" xfId="3" applyNumberFormat="1" applyFont="1" applyFill="1" applyBorder="1" applyAlignment="1">
      <alignment horizontal="right"/>
    </xf>
    <xf numFmtId="177" fontId="9" fillId="0" borderId="21" xfId="3" applyNumberFormat="1" applyFont="1" applyFill="1" applyBorder="1" applyAlignment="1">
      <alignment horizontal="right"/>
    </xf>
    <xf numFmtId="2" fontId="9" fillId="0" borderId="21" xfId="2" applyNumberFormat="1" applyFont="1" applyFill="1" applyBorder="1"/>
    <xf numFmtId="0" fontId="9" fillId="0" borderId="22" xfId="0" applyNumberFormat="1" applyFont="1" applyFill="1" applyBorder="1" applyAlignment="1">
      <alignment horizontal="right"/>
    </xf>
    <xf numFmtId="2" fontId="9" fillId="0" borderId="6" xfId="3" applyNumberFormat="1" applyFont="1" applyFill="1" applyBorder="1" applyAlignment="1">
      <alignment horizontal="right"/>
    </xf>
    <xf numFmtId="0" fontId="9" fillId="0" borderId="12" xfId="0" applyNumberFormat="1" applyFont="1" applyFill="1" applyBorder="1" applyAlignment="1">
      <alignment horizontal="right"/>
    </xf>
    <xf numFmtId="2" fontId="9" fillId="0" borderId="15" xfId="3" applyNumberFormat="1" applyFont="1" applyFill="1" applyBorder="1" applyAlignment="1">
      <alignment horizontal="right"/>
    </xf>
    <xf numFmtId="0" fontId="9" fillId="0" borderId="16" xfId="0" applyNumberFormat="1" applyFont="1" applyFill="1" applyBorder="1" applyAlignment="1">
      <alignment horizontal="right"/>
    </xf>
    <xf numFmtId="38" fontId="5" fillId="0" borderId="17" xfId="1" applyFont="1" applyFill="1" applyBorder="1" applyAlignment="1">
      <alignment horizontal="distributed" justifyLastLine="1"/>
    </xf>
    <xf numFmtId="38" fontId="5" fillId="0" borderId="18" xfId="1" applyFont="1" applyFill="1" applyBorder="1" applyAlignment="1">
      <alignment horizontal="distributed" justifyLastLine="1"/>
    </xf>
    <xf numFmtId="2" fontId="9" fillId="0" borderId="18" xfId="3" applyNumberFormat="1" applyFont="1" applyFill="1" applyBorder="1" applyAlignment="1">
      <alignment horizontal="right"/>
    </xf>
    <xf numFmtId="176" fontId="9" fillId="0" borderId="18" xfId="3" applyNumberFormat="1" applyFont="1" applyFill="1" applyBorder="1" applyAlignment="1">
      <alignment horizontal="right"/>
    </xf>
    <xf numFmtId="177" fontId="9" fillId="0" borderId="18" xfId="3" applyNumberFormat="1" applyFont="1" applyFill="1" applyBorder="1" applyAlignment="1">
      <alignment horizontal="right"/>
    </xf>
    <xf numFmtId="2" fontId="9" fillId="0" borderId="18" xfId="2" applyNumberFormat="1" applyFont="1" applyFill="1" applyBorder="1"/>
    <xf numFmtId="0" fontId="9" fillId="0" borderId="19" xfId="0" applyNumberFormat="1" applyFont="1" applyFill="1" applyBorder="1" applyAlignment="1">
      <alignment horizontal="right"/>
    </xf>
    <xf numFmtId="38" fontId="5" fillId="0" borderId="23" xfId="1" applyFont="1" applyFill="1" applyBorder="1" applyAlignment="1">
      <alignment horizontal="distributed" justifyLastLine="1"/>
    </xf>
    <xf numFmtId="38" fontId="5" fillId="0" borderId="24" xfId="1" applyFont="1" applyFill="1" applyBorder="1" applyAlignment="1">
      <alignment horizontal="distributed" justifyLastLine="1"/>
    </xf>
    <xf numFmtId="2" fontId="9" fillId="0" borderId="24" xfId="3" applyNumberFormat="1" applyFont="1" applyFill="1" applyBorder="1"/>
    <xf numFmtId="176" fontId="9" fillId="0" borderId="24" xfId="3" applyNumberFormat="1" applyFont="1" applyFill="1" applyBorder="1"/>
    <xf numFmtId="177" fontId="9" fillId="0" borderId="24" xfId="3" applyNumberFormat="1" applyFont="1" applyFill="1" applyBorder="1"/>
    <xf numFmtId="2" fontId="9" fillId="0" borderId="24" xfId="2" applyNumberFormat="1" applyFont="1" applyFill="1" applyBorder="1"/>
    <xf numFmtId="0" fontId="9" fillId="0" borderId="25" xfId="0" applyNumberFormat="1" applyFont="1" applyFill="1" applyBorder="1"/>
    <xf numFmtId="38" fontId="10" fillId="0" borderId="0" xfId="0" applyNumberFormat="1" applyFont="1" applyFill="1"/>
  </cellXfs>
  <cellStyles count="4">
    <cellStyle name="パーセント" xfId="2" builtinId="5"/>
    <cellStyle name="桁区切り" xfId="1" builtinId="6"/>
    <cellStyle name="標準" xfId="0" builtinId="0"/>
    <cellStyle name="標準 2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2_&#20581;&#24247;&#12389;&#12367;&#12426;G/55_&#20445;&#20581;&#21307;&#30274;&#12487;&#12540;&#12479;&#27963;&#29992;&#20107;&#26989;/5560_&#22522;&#30436;&#25972;&#20633;/NTT&#12392;&#12398;&#25171;&#21512;&#12379;&#31561;/&#24066;&#30010;&#26449;&#20107;&#26989;&#35413;&#20385;&#25903;&#25588;&#29992;&#36039;&#26009;&#36865;&#20184;/&#20445;&#38522;&#26009;&#21454;&#32013;&#29575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人当たりの基準総所得額の推移"/>
      <sheetName val=" 一人当たり調定額の推移"/>
      <sheetName val="一世帯当たりの調定額の推移"/>
      <sheetName val="負担率の推移"/>
      <sheetName val="収納率の推移（現年分）"/>
      <sheetName val="収納率の推移（滞納繰越分）"/>
      <sheetName val="収納率の推移（現年分・滞納繰越分合計）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C55"/>
  <sheetViews>
    <sheetView tabSelected="1" zoomScaleNormal="100" zoomScaleSheetLayoutView="100" workbookViewId="0"/>
  </sheetViews>
  <sheetFormatPr defaultColWidth="9" defaultRowHeight="11" x14ac:dyDescent="0.2"/>
  <cols>
    <col min="1" max="1" width="3.90625" style="2" customWidth="1"/>
    <col min="2" max="2" width="9.90625" style="2" customWidth="1"/>
    <col min="3" max="3" width="10.6328125" style="2" customWidth="1"/>
    <col min="4" max="4" width="6.6328125" style="2" customWidth="1"/>
    <col min="5" max="5" width="10.6328125" style="2" customWidth="1"/>
    <col min="6" max="6" width="6.6328125" style="2" customWidth="1"/>
    <col min="7" max="7" width="7.36328125" style="2" customWidth="1"/>
    <col min="8" max="8" width="6.6328125" style="2" customWidth="1"/>
    <col min="9" max="9" width="10.6328125" style="2" customWidth="1"/>
    <col min="10" max="10" width="6.6328125" style="2" customWidth="1"/>
    <col min="11" max="11" width="10.6328125" style="2" customWidth="1"/>
    <col min="12" max="12" width="6.6328125" style="2" customWidth="1"/>
    <col min="13" max="13" width="4.453125" style="2" customWidth="1"/>
    <col min="14" max="14" width="12.453125" style="2" customWidth="1"/>
    <col min="15" max="15" width="14.453125" style="2" customWidth="1"/>
    <col min="16" max="16384" width="9" style="2"/>
  </cols>
  <sheetData>
    <row r="1" spans="1:16" ht="16.5" customHeight="1" x14ac:dyDescent="0.2">
      <c r="A1" s="1" t="s">
        <v>0</v>
      </c>
      <c r="M1" s="3"/>
    </row>
    <row r="2" spans="1:16" ht="16.5" customHeight="1" thickBot="1" x14ac:dyDescent="0.25">
      <c r="B2" s="4" t="s">
        <v>1</v>
      </c>
    </row>
    <row r="3" spans="1:16" ht="15" customHeight="1" x14ac:dyDescent="0.2">
      <c r="A3" s="5" t="s">
        <v>2</v>
      </c>
      <c r="B3" s="6"/>
      <c r="C3" s="7" t="s">
        <v>3</v>
      </c>
      <c r="D3" s="8"/>
      <c r="E3" s="7" t="s">
        <v>4</v>
      </c>
      <c r="F3" s="6"/>
      <c r="G3" s="9" t="s">
        <v>5</v>
      </c>
      <c r="H3" s="6"/>
      <c r="I3" s="9" t="s">
        <v>6</v>
      </c>
      <c r="J3" s="10"/>
      <c r="K3" s="9" t="s">
        <v>7</v>
      </c>
      <c r="L3" s="11"/>
      <c r="N3" s="12"/>
      <c r="O3" s="12"/>
    </row>
    <row r="4" spans="1:16" ht="12.75" customHeight="1" x14ac:dyDescent="0.2">
      <c r="A4" s="13"/>
      <c r="B4" s="14"/>
      <c r="C4" s="15" t="s">
        <v>8</v>
      </c>
      <c r="D4" s="16" t="s">
        <v>9</v>
      </c>
      <c r="E4" s="15" t="s">
        <v>8</v>
      </c>
      <c r="F4" s="16" t="s">
        <v>9</v>
      </c>
      <c r="G4" s="15" t="s">
        <v>8</v>
      </c>
      <c r="H4" s="16" t="s">
        <v>9</v>
      </c>
      <c r="I4" s="15" t="s">
        <v>8</v>
      </c>
      <c r="J4" s="16" t="s">
        <v>9</v>
      </c>
      <c r="K4" s="15" t="s">
        <v>8</v>
      </c>
      <c r="L4" s="17" t="s">
        <v>9</v>
      </c>
    </row>
    <row r="5" spans="1:16" s="21" customFormat="1" ht="12.75" customHeight="1" x14ac:dyDescent="0.2">
      <c r="A5" s="13"/>
      <c r="B5" s="14"/>
      <c r="C5" s="18" t="s">
        <v>10</v>
      </c>
      <c r="D5" s="19" t="s">
        <v>11</v>
      </c>
      <c r="E5" s="18" t="s">
        <v>10</v>
      </c>
      <c r="F5" s="19" t="s">
        <v>11</v>
      </c>
      <c r="G5" s="18" t="s">
        <v>10</v>
      </c>
      <c r="H5" s="19" t="s">
        <v>11</v>
      </c>
      <c r="I5" s="18" t="s">
        <v>10</v>
      </c>
      <c r="J5" s="19" t="s">
        <v>11</v>
      </c>
      <c r="K5" s="18" t="s">
        <v>10</v>
      </c>
      <c r="L5" s="20" t="s">
        <v>11</v>
      </c>
    </row>
    <row r="6" spans="1:16" ht="19.5" customHeight="1" x14ac:dyDescent="0.2">
      <c r="A6" s="22">
        <v>1</v>
      </c>
      <c r="B6" s="23" t="s">
        <v>12</v>
      </c>
      <c r="C6" s="24">
        <v>84.1</v>
      </c>
      <c r="D6" s="25">
        <v>6</v>
      </c>
      <c r="E6" s="24">
        <v>86.18</v>
      </c>
      <c r="F6" s="25">
        <v>3</v>
      </c>
      <c r="G6" s="26">
        <v>89.3</v>
      </c>
      <c r="H6" s="25">
        <v>1</v>
      </c>
      <c r="I6" s="26">
        <v>90.06</v>
      </c>
      <c r="J6" s="25">
        <v>1</v>
      </c>
      <c r="K6" s="27">
        <v>91.73</v>
      </c>
      <c r="L6" s="28">
        <v>1</v>
      </c>
      <c r="N6" s="29"/>
      <c r="O6" s="29"/>
      <c r="P6" s="30"/>
    </row>
    <row r="7" spans="1:16" ht="19.5" customHeight="1" x14ac:dyDescent="0.2">
      <c r="A7" s="31">
        <v>2</v>
      </c>
      <c r="B7" s="23" t="s">
        <v>13</v>
      </c>
      <c r="C7" s="24">
        <v>86.2</v>
      </c>
      <c r="D7" s="25">
        <v>1</v>
      </c>
      <c r="E7" s="24">
        <v>86.75</v>
      </c>
      <c r="F7" s="25">
        <v>2</v>
      </c>
      <c r="G7" s="26">
        <v>88.3</v>
      </c>
      <c r="H7" s="25">
        <v>2</v>
      </c>
      <c r="I7" s="26">
        <v>88.73</v>
      </c>
      <c r="J7" s="25">
        <v>2</v>
      </c>
      <c r="K7" s="27">
        <v>89.63</v>
      </c>
      <c r="L7" s="28">
        <v>3</v>
      </c>
      <c r="N7" s="29"/>
      <c r="O7" s="29"/>
    </row>
    <row r="8" spans="1:16" ht="19.5" customHeight="1" x14ac:dyDescent="0.2">
      <c r="A8" s="31">
        <v>3</v>
      </c>
      <c r="B8" s="23" t="s">
        <v>14</v>
      </c>
      <c r="C8" s="24">
        <v>78.37</v>
      </c>
      <c r="D8" s="25">
        <v>15</v>
      </c>
      <c r="E8" s="24">
        <v>78.47</v>
      </c>
      <c r="F8" s="25">
        <v>17</v>
      </c>
      <c r="G8" s="26">
        <v>77.709999999999994</v>
      </c>
      <c r="H8" s="25">
        <v>19</v>
      </c>
      <c r="I8" s="26">
        <v>77.63</v>
      </c>
      <c r="J8" s="25">
        <v>18</v>
      </c>
      <c r="K8" s="27">
        <v>78.86</v>
      </c>
      <c r="L8" s="28">
        <v>20</v>
      </c>
      <c r="N8" s="29"/>
      <c r="O8" s="29"/>
    </row>
    <row r="9" spans="1:16" ht="19.5" customHeight="1" x14ac:dyDescent="0.2">
      <c r="A9" s="31">
        <v>4</v>
      </c>
      <c r="B9" s="23" t="s">
        <v>15</v>
      </c>
      <c r="C9" s="24">
        <v>65.72</v>
      </c>
      <c r="D9" s="25">
        <v>30</v>
      </c>
      <c r="E9" s="24">
        <v>66.23</v>
      </c>
      <c r="F9" s="25">
        <v>31</v>
      </c>
      <c r="G9" s="26">
        <v>68.03</v>
      </c>
      <c r="H9" s="25">
        <v>30</v>
      </c>
      <c r="I9" s="26">
        <v>70.05</v>
      </c>
      <c r="J9" s="25">
        <v>29</v>
      </c>
      <c r="K9" s="27">
        <v>72.930000000000007</v>
      </c>
      <c r="L9" s="28">
        <v>29</v>
      </c>
      <c r="N9" s="29"/>
      <c r="O9" s="29"/>
    </row>
    <row r="10" spans="1:16" ht="19.5" customHeight="1" x14ac:dyDescent="0.2">
      <c r="A10" s="31">
        <v>5</v>
      </c>
      <c r="B10" s="23" t="s">
        <v>16</v>
      </c>
      <c r="C10" s="24">
        <v>85.34</v>
      </c>
      <c r="D10" s="25">
        <v>3</v>
      </c>
      <c r="E10" s="24">
        <v>86.13</v>
      </c>
      <c r="F10" s="25">
        <v>4</v>
      </c>
      <c r="G10" s="26">
        <v>86.73</v>
      </c>
      <c r="H10" s="25">
        <v>4</v>
      </c>
      <c r="I10" s="26">
        <v>86.84</v>
      </c>
      <c r="J10" s="25">
        <v>5</v>
      </c>
      <c r="K10" s="27">
        <v>89.1</v>
      </c>
      <c r="L10" s="28">
        <v>4</v>
      </c>
      <c r="N10" s="29"/>
      <c r="O10" s="29"/>
    </row>
    <row r="11" spans="1:16" ht="19.5" customHeight="1" x14ac:dyDescent="0.2">
      <c r="A11" s="31">
        <v>6</v>
      </c>
      <c r="B11" s="23" t="s">
        <v>17</v>
      </c>
      <c r="C11" s="24">
        <v>75.430000000000007</v>
      </c>
      <c r="D11" s="25">
        <v>20</v>
      </c>
      <c r="E11" s="24">
        <v>74.67</v>
      </c>
      <c r="F11" s="25">
        <v>22</v>
      </c>
      <c r="G11" s="26">
        <v>74.73</v>
      </c>
      <c r="H11" s="25">
        <v>23</v>
      </c>
      <c r="I11" s="26">
        <v>75.400000000000006</v>
      </c>
      <c r="J11" s="25">
        <v>22</v>
      </c>
      <c r="K11" s="27">
        <v>76.28</v>
      </c>
      <c r="L11" s="28">
        <v>23</v>
      </c>
      <c r="N11" s="29"/>
      <c r="O11" s="29"/>
    </row>
    <row r="12" spans="1:16" ht="19.5" customHeight="1" x14ac:dyDescent="0.2">
      <c r="A12" s="31">
        <v>7</v>
      </c>
      <c r="B12" s="23" t="s">
        <v>18</v>
      </c>
      <c r="C12" s="24">
        <v>79.55</v>
      </c>
      <c r="D12" s="25">
        <v>12</v>
      </c>
      <c r="E12" s="24">
        <v>81.33</v>
      </c>
      <c r="F12" s="25">
        <v>10</v>
      </c>
      <c r="G12" s="26">
        <v>84.11</v>
      </c>
      <c r="H12" s="25">
        <v>6</v>
      </c>
      <c r="I12" s="26">
        <v>84.55</v>
      </c>
      <c r="J12" s="25">
        <v>8</v>
      </c>
      <c r="K12" s="27">
        <v>86.12</v>
      </c>
      <c r="L12" s="28">
        <v>9</v>
      </c>
      <c r="N12" s="29"/>
      <c r="O12" s="29"/>
    </row>
    <row r="13" spans="1:16" ht="19.5" customHeight="1" x14ac:dyDescent="0.2">
      <c r="A13" s="31">
        <v>8</v>
      </c>
      <c r="B13" s="23" t="s">
        <v>19</v>
      </c>
      <c r="C13" s="24">
        <v>81.099999999999994</v>
      </c>
      <c r="D13" s="25">
        <v>10</v>
      </c>
      <c r="E13" s="24">
        <v>83.12</v>
      </c>
      <c r="F13" s="25">
        <v>8</v>
      </c>
      <c r="G13" s="26">
        <v>83.45</v>
      </c>
      <c r="H13" s="25">
        <v>7</v>
      </c>
      <c r="I13" s="26">
        <v>83.37</v>
      </c>
      <c r="J13" s="25">
        <v>10</v>
      </c>
      <c r="K13" s="27">
        <v>84.38</v>
      </c>
      <c r="L13" s="28">
        <v>12</v>
      </c>
      <c r="N13" s="29"/>
      <c r="O13" s="29"/>
    </row>
    <row r="14" spans="1:16" ht="19.5" customHeight="1" x14ac:dyDescent="0.2">
      <c r="A14" s="31">
        <v>9</v>
      </c>
      <c r="B14" s="23" t="s">
        <v>20</v>
      </c>
      <c r="C14" s="24">
        <v>79.13</v>
      </c>
      <c r="D14" s="25">
        <v>14</v>
      </c>
      <c r="E14" s="24">
        <v>77.81</v>
      </c>
      <c r="F14" s="25">
        <v>18</v>
      </c>
      <c r="G14" s="26">
        <v>77.72</v>
      </c>
      <c r="H14" s="25">
        <v>18</v>
      </c>
      <c r="I14" s="26">
        <v>77.62</v>
      </c>
      <c r="J14" s="25">
        <v>19</v>
      </c>
      <c r="K14" s="27">
        <v>84.56</v>
      </c>
      <c r="L14" s="28">
        <v>11</v>
      </c>
      <c r="N14" s="29"/>
      <c r="O14" s="29"/>
    </row>
    <row r="15" spans="1:16" ht="19.5" customHeight="1" x14ac:dyDescent="0.2">
      <c r="A15" s="31">
        <v>10</v>
      </c>
      <c r="B15" s="23" t="s">
        <v>21</v>
      </c>
      <c r="C15" s="24">
        <v>64.11</v>
      </c>
      <c r="D15" s="25">
        <v>32</v>
      </c>
      <c r="E15" s="24">
        <v>63.82</v>
      </c>
      <c r="F15" s="25">
        <v>32</v>
      </c>
      <c r="G15" s="26">
        <v>66.86</v>
      </c>
      <c r="H15" s="25">
        <v>31</v>
      </c>
      <c r="I15" s="26">
        <v>70.12</v>
      </c>
      <c r="J15" s="25">
        <v>28</v>
      </c>
      <c r="K15" s="27">
        <v>73.510000000000005</v>
      </c>
      <c r="L15" s="28">
        <v>27</v>
      </c>
      <c r="N15" s="29"/>
      <c r="O15" s="29"/>
    </row>
    <row r="16" spans="1:16" ht="19.5" customHeight="1" x14ac:dyDescent="0.2">
      <c r="A16" s="31">
        <v>11</v>
      </c>
      <c r="B16" s="23" t="s">
        <v>22</v>
      </c>
      <c r="C16" s="24">
        <v>74.69</v>
      </c>
      <c r="D16" s="25">
        <v>23</v>
      </c>
      <c r="E16" s="24">
        <v>74.599999999999994</v>
      </c>
      <c r="F16" s="25">
        <v>23</v>
      </c>
      <c r="G16" s="26">
        <v>74.84</v>
      </c>
      <c r="H16" s="25">
        <v>22</v>
      </c>
      <c r="I16" s="26">
        <v>75.03</v>
      </c>
      <c r="J16" s="25">
        <v>23</v>
      </c>
      <c r="K16" s="27">
        <v>74.17</v>
      </c>
      <c r="L16" s="28">
        <v>26</v>
      </c>
      <c r="N16" s="29"/>
      <c r="O16" s="29"/>
    </row>
    <row r="17" spans="1:15" ht="19.5" customHeight="1" x14ac:dyDescent="0.2">
      <c r="A17" s="31">
        <v>12</v>
      </c>
      <c r="B17" s="23" t="s">
        <v>23</v>
      </c>
      <c r="C17" s="24">
        <v>71.72</v>
      </c>
      <c r="D17" s="25">
        <v>24</v>
      </c>
      <c r="E17" s="24">
        <v>71.349999999999994</v>
      </c>
      <c r="F17" s="25">
        <v>26</v>
      </c>
      <c r="G17" s="26">
        <v>72.47</v>
      </c>
      <c r="H17" s="25">
        <v>26</v>
      </c>
      <c r="I17" s="26">
        <v>71.819999999999993</v>
      </c>
      <c r="J17" s="25">
        <v>27</v>
      </c>
      <c r="K17" s="27">
        <v>73.17</v>
      </c>
      <c r="L17" s="28">
        <v>28</v>
      </c>
      <c r="N17" s="29"/>
      <c r="O17" s="29"/>
    </row>
    <row r="18" spans="1:15" ht="19.5" customHeight="1" x14ac:dyDescent="0.2">
      <c r="A18" s="31">
        <v>13</v>
      </c>
      <c r="B18" s="23" t="s">
        <v>24</v>
      </c>
      <c r="C18" s="24">
        <v>78.06</v>
      </c>
      <c r="D18" s="25">
        <v>17</v>
      </c>
      <c r="E18" s="24">
        <v>79.430000000000007</v>
      </c>
      <c r="F18" s="25">
        <v>14</v>
      </c>
      <c r="G18" s="26">
        <v>80.97</v>
      </c>
      <c r="H18" s="25">
        <v>13</v>
      </c>
      <c r="I18" s="26">
        <v>85.17</v>
      </c>
      <c r="J18" s="25">
        <v>7</v>
      </c>
      <c r="K18" s="27">
        <v>86.51</v>
      </c>
      <c r="L18" s="28">
        <v>8</v>
      </c>
      <c r="N18" s="29"/>
      <c r="O18" s="29"/>
    </row>
    <row r="19" spans="1:15" ht="19.5" customHeight="1" x14ac:dyDescent="0.2">
      <c r="A19" s="31">
        <v>14</v>
      </c>
      <c r="B19" s="23" t="s">
        <v>25</v>
      </c>
      <c r="C19" s="24">
        <v>66.38</v>
      </c>
      <c r="D19" s="25">
        <v>29</v>
      </c>
      <c r="E19" s="24">
        <v>66.86</v>
      </c>
      <c r="F19" s="25">
        <v>29</v>
      </c>
      <c r="G19" s="26">
        <v>68.150000000000006</v>
      </c>
      <c r="H19" s="25">
        <v>29</v>
      </c>
      <c r="I19" s="26">
        <v>69.260000000000005</v>
      </c>
      <c r="J19" s="25">
        <v>31</v>
      </c>
      <c r="K19" s="27">
        <v>70.31</v>
      </c>
      <c r="L19" s="28">
        <v>32</v>
      </c>
      <c r="N19" s="29"/>
      <c r="O19" s="29"/>
    </row>
    <row r="20" spans="1:15" ht="19.5" customHeight="1" x14ac:dyDescent="0.2">
      <c r="A20" s="31">
        <v>15</v>
      </c>
      <c r="B20" s="23" t="s">
        <v>26</v>
      </c>
      <c r="C20" s="24">
        <v>69.52</v>
      </c>
      <c r="D20" s="25">
        <v>26</v>
      </c>
      <c r="E20" s="24">
        <v>71.41</v>
      </c>
      <c r="F20" s="25">
        <v>25</v>
      </c>
      <c r="G20" s="26">
        <v>74.94</v>
      </c>
      <c r="H20" s="25">
        <v>21</v>
      </c>
      <c r="I20" s="26">
        <v>76.86</v>
      </c>
      <c r="J20" s="25">
        <v>21</v>
      </c>
      <c r="K20" s="27">
        <v>79.64</v>
      </c>
      <c r="L20" s="28">
        <v>18</v>
      </c>
      <c r="N20" s="29"/>
      <c r="O20" s="29"/>
    </row>
    <row r="21" spans="1:15" ht="19.5" customHeight="1" x14ac:dyDescent="0.2">
      <c r="A21" s="31">
        <v>16</v>
      </c>
      <c r="B21" s="23" t="s">
        <v>27</v>
      </c>
      <c r="C21" s="24">
        <v>60.61</v>
      </c>
      <c r="D21" s="25">
        <v>33</v>
      </c>
      <c r="E21" s="24">
        <v>61.7</v>
      </c>
      <c r="F21" s="25">
        <v>33</v>
      </c>
      <c r="G21" s="26">
        <v>61.48</v>
      </c>
      <c r="H21" s="25">
        <v>33</v>
      </c>
      <c r="I21" s="26">
        <v>61.43</v>
      </c>
      <c r="J21" s="25">
        <v>33</v>
      </c>
      <c r="K21" s="27">
        <v>64.5</v>
      </c>
      <c r="L21" s="28">
        <v>33</v>
      </c>
      <c r="N21" s="29"/>
      <c r="O21" s="29"/>
    </row>
    <row r="22" spans="1:15" ht="19.5" customHeight="1" x14ac:dyDescent="0.2">
      <c r="A22" s="31">
        <v>17</v>
      </c>
      <c r="B22" s="23" t="s">
        <v>28</v>
      </c>
      <c r="C22" s="24">
        <v>65.39</v>
      </c>
      <c r="D22" s="25">
        <v>31</v>
      </c>
      <c r="E22" s="24">
        <v>66.37</v>
      </c>
      <c r="F22" s="25">
        <v>30</v>
      </c>
      <c r="G22" s="26">
        <v>68.489999999999995</v>
      </c>
      <c r="H22" s="25">
        <v>28</v>
      </c>
      <c r="I22" s="26">
        <v>68.94</v>
      </c>
      <c r="J22" s="25">
        <v>32</v>
      </c>
      <c r="K22" s="27">
        <v>70.349999999999994</v>
      </c>
      <c r="L22" s="28">
        <v>31</v>
      </c>
      <c r="N22" s="29"/>
      <c r="O22" s="29"/>
    </row>
    <row r="23" spans="1:15" ht="19.5" customHeight="1" x14ac:dyDescent="0.2">
      <c r="A23" s="31">
        <v>18</v>
      </c>
      <c r="B23" s="23" t="s">
        <v>29</v>
      </c>
      <c r="C23" s="24">
        <v>79.36</v>
      </c>
      <c r="D23" s="25">
        <v>13</v>
      </c>
      <c r="E23" s="24">
        <v>77</v>
      </c>
      <c r="F23" s="25">
        <v>20</v>
      </c>
      <c r="G23" s="26">
        <v>73.069999999999993</v>
      </c>
      <c r="H23" s="25">
        <v>25</v>
      </c>
      <c r="I23" s="26">
        <v>73.010000000000005</v>
      </c>
      <c r="J23" s="25">
        <v>25</v>
      </c>
      <c r="K23" s="27">
        <v>74.739999999999995</v>
      </c>
      <c r="L23" s="28">
        <v>25</v>
      </c>
      <c r="N23" s="29"/>
      <c r="O23" s="29"/>
    </row>
    <row r="24" spans="1:15" ht="19.5" customHeight="1" x14ac:dyDescent="0.2">
      <c r="A24" s="31">
        <v>19</v>
      </c>
      <c r="B24" s="23" t="s">
        <v>30</v>
      </c>
      <c r="C24" s="24">
        <v>85.83</v>
      </c>
      <c r="D24" s="25">
        <v>2</v>
      </c>
      <c r="E24" s="24">
        <v>87.18</v>
      </c>
      <c r="F24" s="25">
        <v>1</v>
      </c>
      <c r="G24" s="26">
        <v>87.08</v>
      </c>
      <c r="H24" s="25">
        <v>3</v>
      </c>
      <c r="I24" s="26">
        <v>86.94</v>
      </c>
      <c r="J24" s="25">
        <v>4</v>
      </c>
      <c r="K24" s="27">
        <v>87.7</v>
      </c>
      <c r="L24" s="28">
        <v>6</v>
      </c>
      <c r="N24" s="29"/>
      <c r="O24" s="29"/>
    </row>
    <row r="25" spans="1:15" ht="19.5" customHeight="1" x14ac:dyDescent="0.2">
      <c r="A25" s="31">
        <v>20</v>
      </c>
      <c r="B25" s="23" t="s">
        <v>31</v>
      </c>
      <c r="C25" s="24">
        <v>81.5</v>
      </c>
      <c r="D25" s="25">
        <v>9</v>
      </c>
      <c r="E25" s="24">
        <v>79.680000000000007</v>
      </c>
      <c r="F25" s="25">
        <v>13</v>
      </c>
      <c r="G25" s="26">
        <v>79.11</v>
      </c>
      <c r="H25" s="25">
        <v>16</v>
      </c>
      <c r="I25" s="26">
        <v>80.599999999999994</v>
      </c>
      <c r="J25" s="25">
        <v>16</v>
      </c>
      <c r="K25" s="27">
        <v>81.91</v>
      </c>
      <c r="L25" s="28">
        <v>15</v>
      </c>
      <c r="N25" s="29"/>
      <c r="O25" s="29"/>
    </row>
    <row r="26" spans="1:15" ht="19.5" customHeight="1" x14ac:dyDescent="0.2">
      <c r="A26" s="31">
        <v>21</v>
      </c>
      <c r="B26" s="23" t="s">
        <v>32</v>
      </c>
      <c r="C26" s="24">
        <v>70.89</v>
      </c>
      <c r="D26" s="25">
        <v>25</v>
      </c>
      <c r="E26" s="24">
        <v>72.489999999999995</v>
      </c>
      <c r="F26" s="25">
        <v>24</v>
      </c>
      <c r="G26" s="26">
        <v>73.88</v>
      </c>
      <c r="H26" s="25">
        <v>24</v>
      </c>
      <c r="I26" s="26">
        <v>74.489999999999995</v>
      </c>
      <c r="J26" s="25">
        <v>24</v>
      </c>
      <c r="K26" s="27">
        <v>75.459999999999994</v>
      </c>
      <c r="L26" s="28">
        <v>24</v>
      </c>
      <c r="N26" s="29"/>
      <c r="O26" s="29"/>
    </row>
    <row r="27" spans="1:15" ht="19.5" customHeight="1" x14ac:dyDescent="0.2">
      <c r="A27" s="31">
        <v>22</v>
      </c>
      <c r="B27" s="23" t="s">
        <v>33</v>
      </c>
      <c r="C27" s="24">
        <v>82.29</v>
      </c>
      <c r="D27" s="25">
        <v>8</v>
      </c>
      <c r="E27" s="24">
        <v>80.72</v>
      </c>
      <c r="F27" s="25">
        <v>11</v>
      </c>
      <c r="G27" s="26">
        <v>82.15</v>
      </c>
      <c r="H27" s="25">
        <v>10</v>
      </c>
      <c r="I27" s="26">
        <v>82.27</v>
      </c>
      <c r="J27" s="25">
        <v>11</v>
      </c>
      <c r="K27" s="27">
        <v>83.93</v>
      </c>
      <c r="L27" s="28">
        <v>13</v>
      </c>
      <c r="N27" s="29"/>
      <c r="O27" s="29"/>
    </row>
    <row r="28" spans="1:15" ht="19.5" customHeight="1" x14ac:dyDescent="0.2">
      <c r="A28" s="31">
        <v>23</v>
      </c>
      <c r="B28" s="23" t="s">
        <v>34</v>
      </c>
      <c r="C28" s="24">
        <v>78.37</v>
      </c>
      <c r="D28" s="25">
        <v>15</v>
      </c>
      <c r="E28" s="24">
        <v>80.58</v>
      </c>
      <c r="F28" s="25">
        <v>12</v>
      </c>
      <c r="G28" s="26">
        <v>81.900000000000006</v>
      </c>
      <c r="H28" s="25">
        <v>11</v>
      </c>
      <c r="I28" s="26">
        <v>81.84</v>
      </c>
      <c r="J28" s="25">
        <v>13</v>
      </c>
      <c r="K28" s="27">
        <v>80.849999999999994</v>
      </c>
      <c r="L28" s="28">
        <v>17</v>
      </c>
      <c r="N28" s="29"/>
      <c r="O28" s="29"/>
    </row>
    <row r="29" spans="1:15" ht="19.5" customHeight="1" x14ac:dyDescent="0.2">
      <c r="A29" s="31">
        <v>24</v>
      </c>
      <c r="B29" s="23" t="s">
        <v>35</v>
      </c>
      <c r="C29" s="24">
        <v>83.67</v>
      </c>
      <c r="D29" s="25">
        <v>7</v>
      </c>
      <c r="E29" s="24">
        <v>84.76</v>
      </c>
      <c r="F29" s="25">
        <v>5</v>
      </c>
      <c r="G29" s="26">
        <v>86.05</v>
      </c>
      <c r="H29" s="25">
        <v>5</v>
      </c>
      <c r="I29" s="26">
        <v>87.35</v>
      </c>
      <c r="J29" s="25">
        <v>3</v>
      </c>
      <c r="K29" s="27">
        <v>87.54</v>
      </c>
      <c r="L29" s="28">
        <v>7</v>
      </c>
      <c r="N29" s="29"/>
      <c r="O29" s="29"/>
    </row>
    <row r="30" spans="1:15" ht="19.5" customHeight="1" x14ac:dyDescent="0.2">
      <c r="A30" s="31">
        <v>25</v>
      </c>
      <c r="B30" s="23" t="s">
        <v>36</v>
      </c>
      <c r="C30" s="24">
        <v>77.849999999999994</v>
      </c>
      <c r="D30" s="25">
        <v>18</v>
      </c>
      <c r="E30" s="24">
        <v>78.97</v>
      </c>
      <c r="F30" s="25">
        <v>15</v>
      </c>
      <c r="G30" s="26">
        <v>78.22</v>
      </c>
      <c r="H30" s="25">
        <v>17</v>
      </c>
      <c r="I30" s="26">
        <v>78.28</v>
      </c>
      <c r="J30" s="25">
        <v>17</v>
      </c>
      <c r="K30" s="27">
        <v>78.180000000000007</v>
      </c>
      <c r="L30" s="28">
        <v>21</v>
      </c>
      <c r="N30" s="29"/>
      <c r="O30" s="29"/>
    </row>
    <row r="31" spans="1:15" ht="19.5" customHeight="1" x14ac:dyDescent="0.2">
      <c r="A31" s="31">
        <v>26</v>
      </c>
      <c r="B31" s="23" t="s">
        <v>37</v>
      </c>
      <c r="C31" s="24">
        <v>84.29</v>
      </c>
      <c r="D31" s="25">
        <v>4</v>
      </c>
      <c r="E31" s="24">
        <v>84.56</v>
      </c>
      <c r="F31" s="25">
        <v>6</v>
      </c>
      <c r="G31" s="26">
        <v>82.85</v>
      </c>
      <c r="H31" s="25">
        <v>9</v>
      </c>
      <c r="I31" s="26">
        <v>86.55</v>
      </c>
      <c r="J31" s="25">
        <v>6</v>
      </c>
      <c r="K31" s="27">
        <v>88.01</v>
      </c>
      <c r="L31" s="28">
        <v>5</v>
      </c>
      <c r="N31" s="29"/>
      <c r="O31" s="29"/>
    </row>
    <row r="32" spans="1:15" ht="19.5" customHeight="1" x14ac:dyDescent="0.2">
      <c r="A32" s="31">
        <v>27</v>
      </c>
      <c r="B32" s="23" t="s">
        <v>38</v>
      </c>
      <c r="C32" s="24">
        <v>84.26</v>
      </c>
      <c r="D32" s="25">
        <v>5</v>
      </c>
      <c r="E32" s="24">
        <v>83.17</v>
      </c>
      <c r="F32" s="25">
        <v>7</v>
      </c>
      <c r="G32" s="26">
        <v>83.34</v>
      </c>
      <c r="H32" s="25">
        <v>8</v>
      </c>
      <c r="I32" s="26">
        <v>84.29</v>
      </c>
      <c r="J32" s="25">
        <v>9</v>
      </c>
      <c r="K32" s="27">
        <v>84.98</v>
      </c>
      <c r="L32" s="28">
        <v>10</v>
      </c>
      <c r="N32" s="29"/>
      <c r="O32" s="29"/>
    </row>
    <row r="33" spans="1:29" ht="19.5" customHeight="1" x14ac:dyDescent="0.2">
      <c r="A33" s="31">
        <v>28</v>
      </c>
      <c r="B33" s="23" t="s">
        <v>39</v>
      </c>
      <c r="C33" s="24">
        <v>77.41</v>
      </c>
      <c r="D33" s="25">
        <v>19</v>
      </c>
      <c r="E33" s="24">
        <v>76.400000000000006</v>
      </c>
      <c r="F33" s="25">
        <v>21</v>
      </c>
      <c r="G33" s="26">
        <v>76.37</v>
      </c>
      <c r="H33" s="25">
        <v>20</v>
      </c>
      <c r="I33" s="26">
        <v>77.05</v>
      </c>
      <c r="J33" s="25">
        <v>20</v>
      </c>
      <c r="K33" s="27">
        <v>78.12</v>
      </c>
      <c r="L33" s="28">
        <v>22</v>
      </c>
      <c r="N33" s="29"/>
      <c r="O33" s="29"/>
    </row>
    <row r="34" spans="1:29" ht="19.5" customHeight="1" x14ac:dyDescent="0.2">
      <c r="A34" s="31">
        <v>29</v>
      </c>
      <c r="B34" s="23" t="s">
        <v>40</v>
      </c>
      <c r="C34" s="24">
        <v>75.14</v>
      </c>
      <c r="D34" s="25">
        <v>21</v>
      </c>
      <c r="E34" s="24">
        <v>77.45</v>
      </c>
      <c r="F34" s="25">
        <v>19</v>
      </c>
      <c r="G34" s="26">
        <v>79.39</v>
      </c>
      <c r="H34" s="25">
        <v>15</v>
      </c>
      <c r="I34" s="26">
        <v>80.930000000000007</v>
      </c>
      <c r="J34" s="25">
        <v>15</v>
      </c>
      <c r="K34" s="27">
        <v>81.52</v>
      </c>
      <c r="L34" s="28">
        <v>16</v>
      </c>
      <c r="N34" s="29"/>
      <c r="O34" s="29"/>
    </row>
    <row r="35" spans="1:29" ht="19.5" customHeight="1" x14ac:dyDescent="0.2">
      <c r="A35" s="31">
        <v>30</v>
      </c>
      <c r="B35" s="23" t="s">
        <v>41</v>
      </c>
      <c r="C35" s="24">
        <v>68.72</v>
      </c>
      <c r="D35" s="25">
        <v>27</v>
      </c>
      <c r="E35" s="24">
        <v>67.81</v>
      </c>
      <c r="F35" s="25">
        <v>27</v>
      </c>
      <c r="G35" s="26">
        <v>69.78</v>
      </c>
      <c r="H35" s="25">
        <v>27</v>
      </c>
      <c r="I35" s="26">
        <v>72.400000000000006</v>
      </c>
      <c r="J35" s="25">
        <v>26</v>
      </c>
      <c r="K35" s="27">
        <v>72.19</v>
      </c>
      <c r="L35" s="28">
        <v>30</v>
      </c>
      <c r="N35" s="29"/>
      <c r="O35" s="29"/>
    </row>
    <row r="36" spans="1:29" ht="19.5" customHeight="1" x14ac:dyDescent="0.2">
      <c r="A36" s="31">
        <v>31</v>
      </c>
      <c r="B36" s="23" t="s">
        <v>42</v>
      </c>
      <c r="C36" s="24">
        <v>68.02</v>
      </c>
      <c r="D36" s="25">
        <v>28</v>
      </c>
      <c r="E36" s="24">
        <v>66.989999999999995</v>
      </c>
      <c r="F36" s="25">
        <v>28</v>
      </c>
      <c r="G36" s="26">
        <v>64.84</v>
      </c>
      <c r="H36" s="25">
        <v>32</v>
      </c>
      <c r="I36" s="26">
        <v>69.349999999999994</v>
      </c>
      <c r="J36" s="25">
        <v>30</v>
      </c>
      <c r="K36" s="27">
        <v>78.95</v>
      </c>
      <c r="L36" s="28">
        <v>19</v>
      </c>
      <c r="N36" s="29"/>
      <c r="O36" s="29"/>
    </row>
    <row r="37" spans="1:29" ht="19.5" customHeight="1" x14ac:dyDescent="0.2">
      <c r="A37" s="31">
        <v>32</v>
      </c>
      <c r="B37" s="23" t="s">
        <v>43</v>
      </c>
      <c r="C37" s="24">
        <v>74.739999999999995</v>
      </c>
      <c r="D37" s="25">
        <v>22</v>
      </c>
      <c r="E37" s="24">
        <v>78.540000000000006</v>
      </c>
      <c r="F37" s="25">
        <v>16</v>
      </c>
      <c r="G37" s="26">
        <v>80.77</v>
      </c>
      <c r="H37" s="25">
        <v>14</v>
      </c>
      <c r="I37" s="26">
        <v>82.11</v>
      </c>
      <c r="J37" s="25">
        <v>12</v>
      </c>
      <c r="K37" s="27">
        <v>83.56</v>
      </c>
      <c r="L37" s="28">
        <v>14</v>
      </c>
      <c r="N37" s="29"/>
      <c r="O37" s="29"/>
    </row>
    <row r="38" spans="1:29" ht="19.5" customHeight="1" thickBot="1" x14ac:dyDescent="0.25">
      <c r="A38" s="32">
        <v>33</v>
      </c>
      <c r="B38" s="33" t="s">
        <v>44</v>
      </c>
      <c r="C38" s="34">
        <v>81.099999999999994</v>
      </c>
      <c r="D38" s="35">
        <v>10</v>
      </c>
      <c r="E38" s="34">
        <v>83.12</v>
      </c>
      <c r="F38" s="35">
        <v>8</v>
      </c>
      <c r="G38" s="36">
        <v>81.73</v>
      </c>
      <c r="H38" s="35">
        <v>12</v>
      </c>
      <c r="I38" s="36">
        <v>80.95</v>
      </c>
      <c r="J38" s="35">
        <v>14</v>
      </c>
      <c r="K38" s="37">
        <v>90.79</v>
      </c>
      <c r="L38" s="38">
        <v>2</v>
      </c>
      <c r="N38" s="29"/>
      <c r="O38" s="29"/>
    </row>
    <row r="39" spans="1:29" ht="19.5" hidden="1" customHeight="1" thickTop="1" x14ac:dyDescent="0.2">
      <c r="A39" s="39">
        <v>34</v>
      </c>
      <c r="B39" s="40" t="s">
        <v>45</v>
      </c>
      <c r="C39" s="41" t="s">
        <v>46</v>
      </c>
      <c r="D39" s="42" t="s">
        <v>46</v>
      </c>
      <c r="E39" s="41" t="s">
        <v>46</v>
      </c>
      <c r="F39" s="42" t="s">
        <v>46</v>
      </c>
      <c r="G39" s="43" t="s">
        <v>46</v>
      </c>
      <c r="H39" s="42" t="s">
        <v>46</v>
      </c>
      <c r="I39" s="43" t="s">
        <v>46</v>
      </c>
      <c r="J39" s="42" t="s">
        <v>46</v>
      </c>
      <c r="K39" s="44" t="s">
        <v>47</v>
      </c>
      <c r="L39" s="45" t="s">
        <v>46</v>
      </c>
      <c r="N39" s="29"/>
      <c r="O39" s="29"/>
    </row>
    <row r="40" spans="1:29" ht="19.5" hidden="1" customHeight="1" x14ac:dyDescent="0.2">
      <c r="A40" s="39">
        <v>35</v>
      </c>
      <c r="B40" s="40" t="s">
        <v>48</v>
      </c>
      <c r="C40" s="41" t="s">
        <v>46</v>
      </c>
      <c r="D40" s="42" t="s">
        <v>46</v>
      </c>
      <c r="E40" s="41" t="s">
        <v>46</v>
      </c>
      <c r="F40" s="42" t="s">
        <v>46</v>
      </c>
      <c r="G40" s="43" t="s">
        <v>46</v>
      </c>
      <c r="H40" s="42" t="s">
        <v>46</v>
      </c>
      <c r="I40" s="43" t="s">
        <v>46</v>
      </c>
      <c r="J40" s="42" t="s">
        <v>46</v>
      </c>
      <c r="K40" s="44" t="s">
        <v>47</v>
      </c>
      <c r="L40" s="45" t="s">
        <v>46</v>
      </c>
      <c r="N40" s="29"/>
      <c r="O40" s="29"/>
    </row>
    <row r="41" spans="1:29" ht="19.5" hidden="1" customHeight="1" x14ac:dyDescent="0.2">
      <c r="A41" s="39">
        <v>36</v>
      </c>
      <c r="B41" s="40" t="s">
        <v>49</v>
      </c>
      <c r="C41" s="41" t="s">
        <v>46</v>
      </c>
      <c r="D41" s="42" t="s">
        <v>46</v>
      </c>
      <c r="E41" s="41" t="s">
        <v>46</v>
      </c>
      <c r="F41" s="42" t="s">
        <v>46</v>
      </c>
      <c r="G41" s="43" t="s">
        <v>46</v>
      </c>
      <c r="H41" s="42" t="s">
        <v>46</v>
      </c>
      <c r="I41" s="43" t="s">
        <v>46</v>
      </c>
      <c r="J41" s="42" t="s">
        <v>46</v>
      </c>
      <c r="K41" s="44" t="s">
        <v>47</v>
      </c>
      <c r="L41" s="45" t="s">
        <v>46</v>
      </c>
      <c r="N41" s="29"/>
      <c r="O41" s="29"/>
    </row>
    <row r="42" spans="1:29" ht="19.5" hidden="1" customHeight="1" thickBot="1" x14ac:dyDescent="0.25">
      <c r="A42" s="39">
        <v>37</v>
      </c>
      <c r="B42" s="40" t="s">
        <v>50</v>
      </c>
      <c r="C42" s="41" t="s">
        <v>46</v>
      </c>
      <c r="D42" s="42" t="s">
        <v>46</v>
      </c>
      <c r="E42" s="41" t="s">
        <v>46</v>
      </c>
      <c r="F42" s="42" t="s">
        <v>46</v>
      </c>
      <c r="G42" s="43" t="s">
        <v>46</v>
      </c>
      <c r="H42" s="42" t="s">
        <v>46</v>
      </c>
      <c r="I42" s="43" t="s">
        <v>46</v>
      </c>
      <c r="J42" s="42" t="s">
        <v>46</v>
      </c>
      <c r="K42" s="44" t="s">
        <v>47</v>
      </c>
      <c r="L42" s="45" t="s">
        <v>46</v>
      </c>
      <c r="N42" s="29"/>
      <c r="O42" s="29"/>
    </row>
    <row r="43" spans="1:29" ht="19.5" customHeight="1" thickTop="1" x14ac:dyDescent="0.2">
      <c r="A43" s="46">
        <v>301</v>
      </c>
      <c r="B43" s="47" t="s">
        <v>51</v>
      </c>
      <c r="C43" s="48">
        <v>99.93</v>
      </c>
      <c r="D43" s="49">
        <v>5</v>
      </c>
      <c r="E43" s="48">
        <v>99.96</v>
      </c>
      <c r="F43" s="49">
        <v>5</v>
      </c>
      <c r="G43" s="50">
        <v>99.97</v>
      </c>
      <c r="H43" s="49">
        <v>4</v>
      </c>
      <c r="I43" s="50">
        <v>99.98</v>
      </c>
      <c r="J43" s="49">
        <v>4</v>
      </c>
      <c r="K43" s="51">
        <v>99.98</v>
      </c>
      <c r="L43" s="52">
        <v>4</v>
      </c>
      <c r="M43" s="12"/>
      <c r="N43" s="29"/>
      <c r="O43" s="29"/>
      <c r="P43" s="12"/>
      <c r="Q43" s="12"/>
      <c r="R43" s="12"/>
      <c r="S43" s="12"/>
      <c r="T43" s="12"/>
      <c r="U43" s="12"/>
      <c r="V43" s="12"/>
      <c r="W43" s="12"/>
      <c r="X43" s="12"/>
      <c r="Y43" s="12"/>
      <c r="Z43" s="12"/>
      <c r="AA43" s="12"/>
      <c r="AB43" s="12"/>
      <c r="AC43" s="12"/>
    </row>
    <row r="44" spans="1:29" ht="19.5" customHeight="1" x14ac:dyDescent="0.2">
      <c r="A44" s="31">
        <v>302</v>
      </c>
      <c r="B44" s="23" t="s">
        <v>52</v>
      </c>
      <c r="C44" s="53">
        <v>99.9</v>
      </c>
      <c r="D44" s="25">
        <v>6</v>
      </c>
      <c r="E44" s="53">
        <v>99.86</v>
      </c>
      <c r="F44" s="25">
        <v>6</v>
      </c>
      <c r="G44" s="26">
        <v>99.78</v>
      </c>
      <c r="H44" s="25">
        <v>6</v>
      </c>
      <c r="I44" s="26">
        <v>99.87</v>
      </c>
      <c r="J44" s="25">
        <v>6</v>
      </c>
      <c r="K44" s="27">
        <v>99.95</v>
      </c>
      <c r="L44" s="54">
        <v>5</v>
      </c>
      <c r="M44" s="12"/>
      <c r="N44" s="29"/>
      <c r="O44" s="29"/>
      <c r="P44" s="12"/>
      <c r="Q44" s="12"/>
      <c r="R44" s="12"/>
      <c r="S44" s="12"/>
      <c r="T44" s="12"/>
      <c r="U44" s="12"/>
      <c r="V44" s="12"/>
      <c r="W44" s="12"/>
      <c r="X44" s="12"/>
      <c r="Y44" s="12"/>
      <c r="Z44" s="12"/>
      <c r="AA44" s="12"/>
      <c r="AB44" s="12"/>
      <c r="AC44" s="12"/>
    </row>
    <row r="45" spans="1:29" ht="19.5" customHeight="1" x14ac:dyDescent="0.2">
      <c r="A45" s="31">
        <v>303</v>
      </c>
      <c r="B45" s="23" t="s">
        <v>53</v>
      </c>
      <c r="C45" s="53">
        <v>100</v>
      </c>
      <c r="D45" s="25">
        <v>1</v>
      </c>
      <c r="E45" s="53">
        <v>100</v>
      </c>
      <c r="F45" s="25">
        <v>1</v>
      </c>
      <c r="G45" s="26">
        <v>100</v>
      </c>
      <c r="H45" s="25">
        <v>1</v>
      </c>
      <c r="I45" s="26">
        <v>100</v>
      </c>
      <c r="J45" s="25">
        <v>1</v>
      </c>
      <c r="K45" s="27">
        <v>100</v>
      </c>
      <c r="L45" s="54">
        <v>1</v>
      </c>
      <c r="M45" s="12"/>
      <c r="N45" s="29"/>
      <c r="O45" s="29"/>
      <c r="P45" s="12"/>
      <c r="Q45" s="12"/>
      <c r="R45" s="12"/>
      <c r="S45" s="12"/>
      <c r="T45" s="12"/>
      <c r="U45" s="12"/>
      <c r="V45" s="12"/>
      <c r="W45" s="12"/>
      <c r="X45" s="12"/>
      <c r="Y45" s="12"/>
      <c r="Z45" s="12"/>
      <c r="AA45" s="12"/>
      <c r="AB45" s="12"/>
      <c r="AC45" s="12"/>
    </row>
    <row r="46" spans="1:29" ht="19.5" customHeight="1" x14ac:dyDescent="0.2">
      <c r="A46" s="31">
        <v>304</v>
      </c>
      <c r="B46" s="23" t="s">
        <v>54</v>
      </c>
      <c r="C46" s="53">
        <v>100</v>
      </c>
      <c r="D46" s="25">
        <v>1</v>
      </c>
      <c r="E46" s="53">
        <v>100</v>
      </c>
      <c r="F46" s="25">
        <v>1</v>
      </c>
      <c r="G46" s="26">
        <v>99.88</v>
      </c>
      <c r="H46" s="25">
        <v>5</v>
      </c>
      <c r="I46" s="26">
        <v>99.9</v>
      </c>
      <c r="J46" s="25">
        <v>5</v>
      </c>
      <c r="K46" s="27">
        <v>99.89</v>
      </c>
      <c r="L46" s="54">
        <v>6</v>
      </c>
      <c r="M46" s="12"/>
      <c r="N46" s="29"/>
      <c r="O46" s="29"/>
      <c r="P46" s="12"/>
      <c r="Q46" s="12"/>
      <c r="R46" s="12"/>
      <c r="S46" s="12"/>
      <c r="T46" s="12"/>
      <c r="U46" s="12"/>
      <c r="V46" s="12"/>
      <c r="W46" s="12"/>
      <c r="X46" s="12"/>
      <c r="Y46" s="12"/>
      <c r="Z46" s="12"/>
      <c r="AA46" s="12"/>
      <c r="AB46" s="12"/>
      <c r="AC46" s="12"/>
    </row>
    <row r="47" spans="1:29" ht="19.5" customHeight="1" x14ac:dyDescent="0.2">
      <c r="A47" s="31">
        <v>305</v>
      </c>
      <c r="B47" s="23" t="s">
        <v>55</v>
      </c>
      <c r="C47" s="53">
        <v>100</v>
      </c>
      <c r="D47" s="25">
        <v>1</v>
      </c>
      <c r="E47" s="53">
        <v>100</v>
      </c>
      <c r="F47" s="25">
        <v>1</v>
      </c>
      <c r="G47" s="26">
        <v>100</v>
      </c>
      <c r="H47" s="25">
        <v>1</v>
      </c>
      <c r="I47" s="26">
        <v>100</v>
      </c>
      <c r="J47" s="25">
        <v>1</v>
      </c>
      <c r="K47" s="27">
        <v>100</v>
      </c>
      <c r="L47" s="54">
        <v>1</v>
      </c>
      <c r="M47" s="12"/>
      <c r="N47" s="29"/>
      <c r="O47" s="29"/>
      <c r="P47" s="12"/>
      <c r="Q47" s="12"/>
      <c r="R47" s="12"/>
      <c r="S47" s="12"/>
      <c r="T47" s="12"/>
      <c r="U47" s="12"/>
      <c r="V47" s="12"/>
      <c r="W47" s="12"/>
      <c r="X47" s="12"/>
      <c r="Y47" s="12"/>
      <c r="Z47" s="12"/>
      <c r="AA47" s="12"/>
      <c r="AB47" s="12"/>
      <c r="AC47" s="12"/>
    </row>
    <row r="48" spans="1:29" ht="19.5" customHeight="1" thickBot="1" x14ac:dyDescent="0.25">
      <c r="A48" s="32">
        <v>306</v>
      </c>
      <c r="B48" s="33" t="s">
        <v>56</v>
      </c>
      <c r="C48" s="55">
        <v>100</v>
      </c>
      <c r="D48" s="35">
        <v>1</v>
      </c>
      <c r="E48" s="55">
        <v>100</v>
      </c>
      <c r="F48" s="35">
        <v>1</v>
      </c>
      <c r="G48" s="36">
        <v>100</v>
      </c>
      <c r="H48" s="35">
        <v>1</v>
      </c>
      <c r="I48" s="36">
        <v>100</v>
      </c>
      <c r="J48" s="35">
        <v>1</v>
      </c>
      <c r="K48" s="37">
        <v>100</v>
      </c>
      <c r="L48" s="56">
        <v>1</v>
      </c>
      <c r="M48" s="12"/>
      <c r="N48" s="29"/>
      <c r="O48" s="29"/>
      <c r="P48" s="12"/>
      <c r="Q48" s="12"/>
      <c r="R48" s="12"/>
      <c r="S48" s="12"/>
      <c r="T48" s="12"/>
      <c r="U48" s="12"/>
      <c r="V48" s="12"/>
      <c r="W48" s="12"/>
      <c r="X48" s="12"/>
      <c r="Y48" s="12"/>
      <c r="Z48" s="12"/>
      <c r="AA48" s="12"/>
      <c r="AB48" s="12"/>
      <c r="AC48" s="12"/>
    </row>
    <row r="49" spans="1:29" ht="19.5" customHeight="1" thickTop="1" thickBot="1" x14ac:dyDescent="0.25">
      <c r="A49" s="57" t="s">
        <v>57</v>
      </c>
      <c r="B49" s="58"/>
      <c r="C49" s="59">
        <v>78.5</v>
      </c>
      <c r="D49" s="60"/>
      <c r="E49" s="59">
        <v>79.52</v>
      </c>
      <c r="F49" s="60"/>
      <c r="G49" s="61">
        <v>81.52</v>
      </c>
      <c r="H49" s="60"/>
      <c r="I49" s="61">
        <v>82.58</v>
      </c>
      <c r="J49" s="60"/>
      <c r="K49" s="62">
        <v>84.34</v>
      </c>
      <c r="L49" s="63"/>
      <c r="M49" s="12"/>
      <c r="N49" s="29"/>
      <c r="O49" s="29"/>
      <c r="P49" s="12"/>
      <c r="Q49" s="12"/>
      <c r="R49" s="12"/>
      <c r="S49" s="12"/>
      <c r="T49" s="12"/>
      <c r="U49" s="12"/>
      <c r="V49" s="12"/>
      <c r="W49" s="12"/>
      <c r="X49" s="12"/>
      <c r="Y49" s="12"/>
      <c r="Z49" s="12"/>
      <c r="AA49" s="12"/>
      <c r="AB49" s="12"/>
      <c r="AC49" s="12"/>
    </row>
    <row r="50" spans="1:29" ht="19.5" customHeight="1" thickTop="1" thickBot="1" x14ac:dyDescent="0.25">
      <c r="A50" s="57" t="s">
        <v>58</v>
      </c>
      <c r="B50" s="58"/>
      <c r="C50" s="59">
        <v>99.98</v>
      </c>
      <c r="D50" s="60"/>
      <c r="E50" s="59">
        <v>99.97</v>
      </c>
      <c r="F50" s="60"/>
      <c r="G50" s="61">
        <v>99.96</v>
      </c>
      <c r="H50" s="60"/>
      <c r="I50" s="61">
        <v>99.97</v>
      </c>
      <c r="J50" s="60"/>
      <c r="K50" s="62">
        <v>99.98</v>
      </c>
      <c r="L50" s="63"/>
      <c r="M50" s="12"/>
      <c r="N50" s="29"/>
      <c r="O50" s="29"/>
      <c r="P50" s="12"/>
      <c r="Q50" s="12"/>
      <c r="R50" s="12"/>
      <c r="S50" s="12"/>
      <c r="T50" s="12"/>
      <c r="U50" s="12"/>
      <c r="V50" s="12"/>
      <c r="W50" s="12"/>
      <c r="X50" s="12"/>
      <c r="Y50" s="12"/>
      <c r="Z50" s="12"/>
      <c r="AA50" s="12"/>
      <c r="AB50" s="12"/>
      <c r="AC50" s="12"/>
    </row>
    <row r="51" spans="1:29" ht="19.5" customHeight="1" thickTop="1" thickBot="1" x14ac:dyDescent="0.25">
      <c r="A51" s="64" t="s">
        <v>59</v>
      </c>
      <c r="B51" s="65"/>
      <c r="C51" s="66">
        <v>80.28</v>
      </c>
      <c r="D51" s="67"/>
      <c r="E51" s="66">
        <v>81.42</v>
      </c>
      <c r="F51" s="67"/>
      <c r="G51" s="68">
        <v>83.28</v>
      </c>
      <c r="H51" s="67"/>
      <c r="I51" s="68">
        <v>84.31</v>
      </c>
      <c r="J51" s="67"/>
      <c r="K51" s="69">
        <v>85.74</v>
      </c>
      <c r="L51" s="70"/>
      <c r="N51" s="29"/>
      <c r="O51" s="29"/>
    </row>
    <row r="53" spans="1:29" x14ac:dyDescent="0.2">
      <c r="A53" s="30"/>
      <c r="N53" s="71"/>
      <c r="O53" s="71"/>
    </row>
    <row r="54" spans="1:29" x14ac:dyDescent="0.2">
      <c r="N54" s="71"/>
      <c r="O54" s="71"/>
    </row>
    <row r="55" spans="1:29" x14ac:dyDescent="0.2">
      <c r="N55" s="71"/>
      <c r="O55" s="71"/>
    </row>
  </sheetData>
  <mergeCells count="9">
    <mergeCell ref="A49:B49"/>
    <mergeCell ref="A50:B50"/>
    <mergeCell ref="A51:B51"/>
    <mergeCell ref="A3:B5"/>
    <mergeCell ref="C3:D3"/>
    <mergeCell ref="E3:F3"/>
    <mergeCell ref="G3:H3"/>
    <mergeCell ref="I3:J3"/>
    <mergeCell ref="K3:L3"/>
  </mergeCells>
  <phoneticPr fontId="3"/>
  <printOptions horizontalCentered="1" gridLinesSet="0"/>
  <pageMargins left="0.59055118110236227" right="0.59055118110236227" top="0.59055118110236227" bottom="0.59055118110236227" header="0.23622047244094491" footer="0.35433070866141736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収納率の推移（現年分・滞納繰越分合計）</vt:lpstr>
      <vt:lpstr>'収納率の推移（現年分・滞納繰越分合計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3-01-23T01:08:03Z</dcterms:created>
  <dcterms:modified xsi:type="dcterms:W3CDTF">2023-01-23T01:08:21Z</dcterms:modified>
</cp:coreProperties>
</file>